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73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200" autoAdjust="0"/>
    <p:restoredTop sz="94660"/>
  </p:normalViewPr>
  <p:slideViewPr>
    <p:cSldViewPr snapToGrid="0">
      <p:cViewPr varScale="1">
        <p:scale>
          <a:sx n="51" d="100"/>
          <a:sy n="51" d="100"/>
        </p:scale>
        <p:origin x="62" y="3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phic 5">
            <a:extLst>
              <a:ext uri="{FF2B5EF4-FFF2-40B4-BE49-F238E27FC236}">
                <a16:creationId xmlns:a16="http://schemas.microsoft.com/office/drawing/2014/main" id="{5402AA63-06C5-4088-AAEF-7CB68E6CCFD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05335" y="1532965"/>
            <a:ext cx="11981330" cy="5224182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A3B1D9C3-7287-42F4-8388-E643DCBD24EB}"/>
              </a:ext>
            </a:extLst>
          </p:cNvPr>
          <p:cNvSpPr/>
          <p:nvPr userDrawn="1"/>
        </p:nvSpPr>
        <p:spPr>
          <a:xfrm>
            <a:off x="0" y="1"/>
            <a:ext cx="12192000" cy="45720"/>
          </a:xfrm>
          <a:prstGeom prst="rect">
            <a:avLst/>
          </a:prstGeom>
          <a:solidFill>
            <a:srgbClr val="C147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i="1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6B9467EB-AE9C-48EE-BE94-E9CD99E3228C}"/>
              </a:ext>
            </a:extLst>
          </p:cNvPr>
          <p:cNvCxnSpPr/>
          <p:nvPr userDrawn="1"/>
        </p:nvCxnSpPr>
        <p:spPr>
          <a:xfrm>
            <a:off x="0" y="1424291"/>
            <a:ext cx="12192000" cy="0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3" name="Group 12">
            <a:extLst>
              <a:ext uri="{FF2B5EF4-FFF2-40B4-BE49-F238E27FC236}">
                <a16:creationId xmlns:a16="http://schemas.microsoft.com/office/drawing/2014/main" id="{AB3B9F03-C870-4617-8181-7C03438F6698}"/>
              </a:ext>
            </a:extLst>
          </p:cNvPr>
          <p:cNvGrpSpPr/>
          <p:nvPr userDrawn="1"/>
        </p:nvGrpSpPr>
        <p:grpSpPr>
          <a:xfrm>
            <a:off x="8736920" y="4574414"/>
            <a:ext cx="2341396" cy="292388"/>
            <a:chOff x="8705064" y="4340500"/>
            <a:chExt cx="2341396" cy="292388"/>
          </a:xfrm>
        </p:grpSpPr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BD6B2C36-077C-4AC6-B842-050A922E36A5}"/>
                </a:ext>
              </a:extLst>
            </p:cNvPr>
            <p:cNvSpPr txBox="1"/>
            <p:nvPr/>
          </p:nvSpPr>
          <p:spPr>
            <a:xfrm>
              <a:off x="9647901" y="4340500"/>
              <a:ext cx="455722" cy="29238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300" dirty="0">
                  <a:solidFill>
                    <a:schemeClr val="bg1">
                      <a:lumMod val="65000"/>
                    </a:scheme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Or</a:t>
              </a:r>
            </a:p>
          </p:txBody>
        </p: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25223C29-61DA-4C69-871D-170445FEF7C2}"/>
                </a:ext>
              </a:extLst>
            </p:cNvPr>
            <p:cNvCxnSpPr>
              <a:cxnSpLocks/>
            </p:cNvCxnSpPr>
            <p:nvPr/>
          </p:nvCxnSpPr>
          <p:spPr>
            <a:xfrm>
              <a:off x="10069044" y="4502082"/>
              <a:ext cx="977416" cy="0"/>
            </a:xfrm>
            <a:prstGeom prst="line">
              <a:avLst/>
            </a:prstGeom>
            <a:ln>
              <a:solidFill>
                <a:schemeClr val="bg2">
                  <a:lumMod val="9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3FCF2E86-C354-4C87-BD4F-6CD7263B0442}"/>
                </a:ext>
              </a:extLst>
            </p:cNvPr>
            <p:cNvCxnSpPr>
              <a:cxnSpLocks/>
            </p:cNvCxnSpPr>
            <p:nvPr/>
          </p:nvCxnSpPr>
          <p:spPr>
            <a:xfrm>
              <a:off x="8705064" y="4502082"/>
              <a:ext cx="977416" cy="0"/>
            </a:xfrm>
            <a:prstGeom prst="line">
              <a:avLst/>
            </a:prstGeom>
            <a:ln>
              <a:solidFill>
                <a:schemeClr val="bg2">
                  <a:lumMod val="9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6EF20401-02CC-4379-8155-2B2CB44313A4}"/>
              </a:ext>
            </a:extLst>
          </p:cNvPr>
          <p:cNvGrpSpPr/>
          <p:nvPr userDrawn="1"/>
        </p:nvGrpSpPr>
        <p:grpSpPr>
          <a:xfrm>
            <a:off x="8283949" y="3557063"/>
            <a:ext cx="3462498" cy="756394"/>
            <a:chOff x="8155761" y="3291173"/>
            <a:chExt cx="3462498" cy="756394"/>
          </a:xfrm>
        </p:grpSpPr>
        <p:sp>
          <p:nvSpPr>
            <p:cNvPr id="18" name="Content Placeholder 2">
              <a:extLst>
                <a:ext uri="{FF2B5EF4-FFF2-40B4-BE49-F238E27FC236}">
                  <a16:creationId xmlns:a16="http://schemas.microsoft.com/office/drawing/2014/main" id="{A67343CF-D5F2-4B64-87A2-34872A6981C9}"/>
                </a:ext>
              </a:extLst>
            </p:cNvPr>
            <p:cNvSpPr txBox="1">
              <a:spLocks/>
            </p:cNvSpPr>
            <p:nvPr/>
          </p:nvSpPr>
          <p:spPr>
            <a:xfrm>
              <a:off x="9160809" y="3291173"/>
              <a:ext cx="2457450" cy="756394"/>
            </a:xfrm>
            <a:prstGeom prst="rect">
              <a:avLst/>
            </a:prstGeom>
            <a:ln w="57150">
              <a:noFill/>
            </a:ln>
          </p:spPr>
          <p:txBody>
            <a:bodyPr vert="horz" lIns="91440" tIns="45720" rIns="91440" bIns="45720" numCol="1" rtlCol="0" anchor="t">
              <a:normAutofit fontScale="85000" lnSpcReduction="10000"/>
            </a:bodyPr>
            <a:lstStyle/>
            <a:p>
              <a:pPr defTabSz="457200">
                <a:lnSpc>
                  <a:spcPct val="150000"/>
                </a:lnSpc>
                <a:buFont typeface="Arial" panose="020B0604020202020204" pitchFamily="34" charset="0"/>
                <a:buNone/>
              </a:pPr>
              <a:r>
                <a:rPr lang="en-US" sz="12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 Semilight" panose="020B0402040204020203" pitchFamily="34" charset="0"/>
                  <a:ea typeface="Segoe UI" panose="020B0502040204020203" pitchFamily="34" charset="0"/>
                  <a:cs typeface="Segoe UI Semilight" panose="020B0402040204020203" pitchFamily="34" charset="0"/>
                </a:rPr>
                <a:t>We offer a 100% money-back guarantee.  Try it and, if you’re not satisfied, return it for a full refund within 30 days.</a:t>
              </a:r>
            </a:p>
          </p:txBody>
        </p:sp>
        <p:pic>
          <p:nvPicPr>
            <p:cNvPr id="19" name="Graphic 18">
              <a:extLst>
                <a:ext uri="{FF2B5EF4-FFF2-40B4-BE49-F238E27FC236}">
                  <a16:creationId xmlns:a16="http://schemas.microsoft.com/office/drawing/2014/main" id="{A850EA6C-9DA4-4916-AF01-8EAD4858FB8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155761" y="3397267"/>
              <a:ext cx="809672" cy="544206"/>
            </a:xfrm>
            <a:prstGeom prst="rect">
              <a:avLst/>
            </a:prstGeom>
          </p:spPr>
        </p:pic>
      </p:grpSp>
      <p:pic>
        <p:nvPicPr>
          <p:cNvPr id="4" name="Picture 3">
            <a:extLst>
              <a:ext uri="{FF2B5EF4-FFF2-40B4-BE49-F238E27FC236}">
                <a16:creationId xmlns:a16="http://schemas.microsoft.com/office/drawing/2014/main" id="{7D250C2E-9532-FD44-58A3-30733810BA86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375460" y="2109118"/>
            <a:ext cx="7440925" cy="4161973"/>
          </a:xfrm>
          <a:prstGeom prst="rect">
            <a:avLst/>
          </a:prstGeom>
          <a:effectLst>
            <a:outerShdw blurRad="368300" dist="88900" sx="102000" sy="102000" algn="ctr" rotWithShape="0">
              <a:prstClr val="black">
                <a:alpha val="11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8427464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3/10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158DED6-BA1B-DFA5-2CAD-057744A0266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r-TR" b="1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97" name="OTLSHAPE_SL_77c8a164f4254dedbb950531f9b36cdb_BackgroundRectangle">
            <a:extLst>
              <a:ext uri="{FF2B5EF4-FFF2-40B4-BE49-F238E27FC236}">
                <a16:creationId xmlns:a16="http://schemas.microsoft.com/office/drawing/2014/main" id="{99A2DE59-576C-FF5E-B402-FFB1E2F01F1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162895"/>
            <a:ext cx="11290300" cy="406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106" name="OTLSHAPE_SL2A_21c2f6aedbaa4f39a04c8acbab1fddb4_BackgroundRectangle" hidden="1">
            <a:extLst>
              <a:ext uri="{FF2B5EF4-FFF2-40B4-BE49-F238E27FC236}">
                <a16:creationId xmlns:a16="http://schemas.microsoft.com/office/drawing/2014/main" id="{FF994C48-2268-D096-AC3A-EADDCD0C51E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28700" y="2162895"/>
            <a:ext cx="10325100" cy="406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FA4E5E22-4F6E-01F1-9DB2-E0E50AA2AB8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r-TR" b="1" spc="-44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B2EFF4B-5E7D-22DC-E663-81A9F9AB70B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55700" y="5143500"/>
            <a:ext cx="101981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98" name="OTLSHAPE_SL_77c8a164f4254dedbb950531f9b36cdb_HeaderRectangle">
            <a:extLst>
              <a:ext uri="{FF2B5EF4-FFF2-40B4-BE49-F238E27FC236}">
                <a16:creationId xmlns:a16="http://schemas.microsoft.com/office/drawing/2014/main" id="{1FD99C03-F43A-03E7-62E7-041C690EADF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162895"/>
            <a:ext cx="965200" cy="406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104" name="OTLSHAPE_SL2A_21c2f6aedbaa4f39a04c8acbab1fddb4_HeaderRectangle" hidden="1">
            <a:extLst>
              <a:ext uri="{FF2B5EF4-FFF2-40B4-BE49-F238E27FC236}">
                <a16:creationId xmlns:a16="http://schemas.microsoft.com/office/drawing/2014/main" id="{EC10CA60-692A-41C7-B2D2-44B99DC827C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8700" y="216289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cxnSp>
        <p:nvCxnSpPr>
          <p:cNvPr id="100" name="OTLSHAPE_G_00000000000000000000000000000000_ShapeAbove0">
            <a:extLst>
              <a:ext uri="{FF2B5EF4-FFF2-40B4-BE49-F238E27FC236}">
                <a16:creationId xmlns:a16="http://schemas.microsoft.com/office/drawing/2014/main" id="{4A9CD803-4362-1C61-0CC8-6686CECF35E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220712" y="2162895"/>
            <a:ext cx="0" cy="298060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Above1">
            <a:extLst>
              <a:ext uri="{FF2B5EF4-FFF2-40B4-BE49-F238E27FC236}">
                <a16:creationId xmlns:a16="http://schemas.microsoft.com/office/drawing/2014/main" id="{EF117F83-9F7A-6DF3-11F9-36E027DB2CD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219111" y="2162895"/>
            <a:ext cx="0" cy="298060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Above2">
            <a:extLst>
              <a:ext uri="{FF2B5EF4-FFF2-40B4-BE49-F238E27FC236}">
                <a16:creationId xmlns:a16="http://schemas.microsoft.com/office/drawing/2014/main" id="{832C4CB8-DF9F-19F0-ACDE-CB246E2E57B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284123" y="2162895"/>
            <a:ext cx="0" cy="298060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Above3">
            <a:extLst>
              <a:ext uri="{FF2B5EF4-FFF2-40B4-BE49-F238E27FC236}">
                <a16:creationId xmlns:a16="http://schemas.microsoft.com/office/drawing/2014/main" id="{01B13EF3-6297-21AB-A062-F9C179CAEAD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282523" y="2162895"/>
            <a:ext cx="0" cy="298060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069B1143-588F-765C-1C9B-BB84DEEAADD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155700" y="5346700"/>
            <a:ext cx="6604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99" name="OTLSHAPE_SL_77c8a164f4254dedbb950531f9b36cdb_Header">
            <a:extLst>
              <a:ext uri="{FF2B5EF4-FFF2-40B4-BE49-F238E27FC236}">
                <a16:creationId xmlns:a16="http://schemas.microsoft.com/office/drawing/2014/main" id="{ADDDBDEF-2ABF-B8C0-BDE7-F53FF9F09C5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3500" y="2180040"/>
            <a:ext cx="96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tr-TR" sz="1200">
                <a:solidFill>
                  <a:schemeClr val="lt1"/>
                </a:solidFill>
                <a:latin typeface="Calibri" panose="020F0502020204030204" pitchFamily="34" charset="0"/>
              </a:rPr>
              <a:t>kosecakmak-tourism</a:t>
            </a:r>
          </a:p>
        </p:txBody>
      </p:sp>
      <p:sp>
        <p:nvSpPr>
          <p:cNvPr id="105" name="OTLSHAPE_SL2A_21c2f6aedbaa4f39a04c8acbab1fddb4_Header" hidden="1">
            <a:extLst>
              <a:ext uri="{FF2B5EF4-FFF2-40B4-BE49-F238E27FC236}">
                <a16:creationId xmlns:a16="http://schemas.microsoft.com/office/drawing/2014/main" id="{095F0F10-8DDD-9BAB-671F-89D05B134E96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tr-T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386C332-2546-1D08-658A-7E10EDA1E4D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770461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84028FC1-A654-0A94-9073-7CC862320E8C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626618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r-T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6362094-F719-F0B2-AE5F-574291DF1358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19200" y="51774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42C260C-AE3B-7235-58FA-AD69731EEBA2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284212" y="51774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0E5A1ED4-419D-28E5-0B8F-333E7E5CA11B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282612" y="51774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2FDE0846-1773-5381-5B20-9467373DA102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347624" y="51774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403ABAE4-BA9C-ED44-160B-28623DA7AD31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346023" y="51774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4FABF09-E65C-13E3-5309-CAFD4D95F8F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220712" y="518160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C4BF4E2A-65E0-FCBF-7F13-348DD0CFECED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219111" y="518160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1B48CBF-33B0-4F8D-5231-ACB8D316823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284123" y="518160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EEF053B-8A2A-6AE4-38D8-ADFC86E2C64A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282523" y="518160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_e37c14d2f63144969e50389e13162992_Shape">
            <a:extLst>
              <a:ext uri="{FF2B5EF4-FFF2-40B4-BE49-F238E27FC236}">
                <a16:creationId xmlns:a16="http://schemas.microsoft.com/office/drawing/2014/main" id="{C0487ABA-20DC-A426-1037-02EEFC552CC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422153" y="2654554"/>
            <a:ext cx="2667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25" name="OTLSHAPE_T_3dbaab46b9b14124837790c24e697d87_Shape">
            <a:extLst>
              <a:ext uri="{FF2B5EF4-FFF2-40B4-BE49-F238E27FC236}">
                <a16:creationId xmlns:a16="http://schemas.microsoft.com/office/drawing/2014/main" id="{5A921852-83F5-8272-E4A8-3B4A288F823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422153" y="2888573"/>
            <a:ext cx="4064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" name="OTLSHAPE_T_e32b8c3cadf74eb0aa7e6dc705a8664f_Shape">
            <a:extLst>
              <a:ext uri="{FF2B5EF4-FFF2-40B4-BE49-F238E27FC236}">
                <a16:creationId xmlns:a16="http://schemas.microsoft.com/office/drawing/2014/main" id="{8DDC39B5-5B08-3414-735A-5765200B834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755220" y="3122591"/>
            <a:ext cx="469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41" name="OTLSHAPE_T_fde9c53d99ea4a71b0087408f6306f2b_Shape">
            <a:extLst>
              <a:ext uri="{FF2B5EF4-FFF2-40B4-BE49-F238E27FC236}">
                <a16:creationId xmlns:a16="http://schemas.microsoft.com/office/drawing/2014/main" id="{06B9D10C-F558-BEB5-0E81-144234D625F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154899" y="3356610"/>
            <a:ext cx="5334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49" name="OTLSHAPE_T_12801ee76c014db18647bd6aafd33df7_Shape">
            <a:extLst>
              <a:ext uri="{FF2B5EF4-FFF2-40B4-BE49-F238E27FC236}">
                <a16:creationId xmlns:a16="http://schemas.microsoft.com/office/drawing/2014/main" id="{18F34B60-AF14-D043-BF9B-DCA4131B058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621193" y="3590629"/>
            <a:ext cx="8001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57" name="OTLSHAPE_T_5480300a38ec48669ea21223975ca1d2_Shape">
            <a:extLst>
              <a:ext uri="{FF2B5EF4-FFF2-40B4-BE49-F238E27FC236}">
                <a16:creationId xmlns:a16="http://schemas.microsoft.com/office/drawing/2014/main" id="{AB208107-4E22-E051-A966-C0246CED332A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353939" y="3824647"/>
            <a:ext cx="3733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65" name="OTLSHAPE_T_672adead27a34cc2930594a4cea8da91_Shape">
            <a:extLst>
              <a:ext uri="{FF2B5EF4-FFF2-40B4-BE49-F238E27FC236}">
                <a16:creationId xmlns:a16="http://schemas.microsoft.com/office/drawing/2014/main" id="{7A4891AC-9417-A500-3A34-F5262219BDF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353939" y="4058666"/>
            <a:ext cx="3733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73" name="OTLSHAPE_T_1e303480a7b54180b061054026b0026e_Shape">
            <a:extLst>
              <a:ext uri="{FF2B5EF4-FFF2-40B4-BE49-F238E27FC236}">
                <a16:creationId xmlns:a16="http://schemas.microsoft.com/office/drawing/2014/main" id="{C885A77C-6F12-7520-9243-8F08EAA9FD0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084284" y="4292684"/>
            <a:ext cx="6731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81" name="OTLSHAPE_T_49a87ca346ba4c72974b17d3f2250508_Shape">
            <a:extLst>
              <a:ext uri="{FF2B5EF4-FFF2-40B4-BE49-F238E27FC236}">
                <a16:creationId xmlns:a16="http://schemas.microsoft.com/office/drawing/2014/main" id="{856F281E-EB67-3786-FEDA-7CE2FAC5071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683804" y="4611963"/>
            <a:ext cx="1206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89" name="OTLSHAPE_T_f48b49f4828e4febaeedd5d9bc4faa48_Shape">
            <a:extLst>
              <a:ext uri="{FF2B5EF4-FFF2-40B4-BE49-F238E27FC236}">
                <a16:creationId xmlns:a16="http://schemas.microsoft.com/office/drawing/2014/main" id="{2CF30271-934D-585C-8424-A38E930AC39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882843" y="4931240"/>
            <a:ext cx="469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18" name="OTLSHAPE_T_e37c14d2f63144969e50389e13162992_ShapePercentage" hidden="1">
            <a:extLst>
              <a:ext uri="{FF2B5EF4-FFF2-40B4-BE49-F238E27FC236}">
                <a16:creationId xmlns:a16="http://schemas.microsoft.com/office/drawing/2014/main" id="{9CEB02A9-BA0E-EC8A-62E4-EEC6815521F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422153" y="265455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26" name="OTLSHAPE_T_3dbaab46b9b14124837790c24e697d87_ShapePercentage" hidden="1">
            <a:extLst>
              <a:ext uri="{FF2B5EF4-FFF2-40B4-BE49-F238E27FC236}">
                <a16:creationId xmlns:a16="http://schemas.microsoft.com/office/drawing/2014/main" id="{28F6EA22-8FB0-1CD5-1AB5-482DBDFC38A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22153" y="288857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" name="OTLSHAPE_T_e32b8c3cadf74eb0aa7e6dc705a8664f_ShapePercentage" hidden="1">
            <a:extLst>
              <a:ext uri="{FF2B5EF4-FFF2-40B4-BE49-F238E27FC236}">
                <a16:creationId xmlns:a16="http://schemas.microsoft.com/office/drawing/2014/main" id="{77B3E3D8-52E8-A311-8B20-E5D977BDBD6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755220" y="312259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42" name="OTLSHAPE_T_fde9c53d99ea4a71b0087408f6306f2b_ShapePercentage" hidden="1">
            <a:extLst>
              <a:ext uri="{FF2B5EF4-FFF2-40B4-BE49-F238E27FC236}">
                <a16:creationId xmlns:a16="http://schemas.microsoft.com/office/drawing/2014/main" id="{39E7E66E-B86D-FE12-DA0B-218ED0D0DA73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154899" y="335661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50" name="OTLSHAPE_T_12801ee76c014db18647bd6aafd33df7_ShapePercentage" hidden="1">
            <a:extLst>
              <a:ext uri="{FF2B5EF4-FFF2-40B4-BE49-F238E27FC236}">
                <a16:creationId xmlns:a16="http://schemas.microsoft.com/office/drawing/2014/main" id="{C84B3C29-D638-9C73-D251-7233CA3E13D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621193" y="359062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58" name="OTLSHAPE_T_5480300a38ec48669ea21223975ca1d2_ShapePercentage" hidden="1">
            <a:extLst>
              <a:ext uri="{FF2B5EF4-FFF2-40B4-BE49-F238E27FC236}">
                <a16:creationId xmlns:a16="http://schemas.microsoft.com/office/drawing/2014/main" id="{AB3D532E-8C26-1A46-DF99-ABB254070D2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353939" y="382464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66" name="OTLSHAPE_T_672adead27a34cc2930594a4cea8da91_ShapePercentage" hidden="1">
            <a:extLst>
              <a:ext uri="{FF2B5EF4-FFF2-40B4-BE49-F238E27FC236}">
                <a16:creationId xmlns:a16="http://schemas.microsoft.com/office/drawing/2014/main" id="{255E6ABE-D141-42BC-8C43-500CCF11F79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353939" y="405866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74" name="OTLSHAPE_T_1e303480a7b54180b061054026b0026e_ShapePercentage" hidden="1">
            <a:extLst>
              <a:ext uri="{FF2B5EF4-FFF2-40B4-BE49-F238E27FC236}">
                <a16:creationId xmlns:a16="http://schemas.microsoft.com/office/drawing/2014/main" id="{53C90F69-98FF-E2AB-A205-95DF1A7717E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084284" y="429268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82" name="OTLSHAPE_T_49a87ca346ba4c72974b17d3f2250508_ShapePercentage" hidden="1">
            <a:extLst>
              <a:ext uri="{FF2B5EF4-FFF2-40B4-BE49-F238E27FC236}">
                <a16:creationId xmlns:a16="http://schemas.microsoft.com/office/drawing/2014/main" id="{35B9B744-A338-2012-CE52-83758E54E96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683804" y="461196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90" name="OTLSHAPE_T_f48b49f4828e4febaeedd5d9bc4faa48_ShapePercentage" hidden="1">
            <a:extLst>
              <a:ext uri="{FF2B5EF4-FFF2-40B4-BE49-F238E27FC236}">
                <a16:creationId xmlns:a16="http://schemas.microsoft.com/office/drawing/2014/main" id="{42250887-2F93-9681-67CE-6BBFD8B83DE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882843" y="49312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19" name="OTLSHAPE_T_e37c14d2f63144969e50389e13162992_Duration" hidden="1">
            <a:extLst>
              <a:ext uri="{FF2B5EF4-FFF2-40B4-BE49-F238E27FC236}">
                <a16:creationId xmlns:a16="http://schemas.microsoft.com/office/drawing/2014/main" id="{D46EEE11-2814-91E5-4921-4931A3AD8B9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20" name="OTLSHAPE_T_e37c14d2f63144969e50389e13162992_TextPercentage" hidden="1">
            <a:extLst>
              <a:ext uri="{FF2B5EF4-FFF2-40B4-BE49-F238E27FC236}">
                <a16:creationId xmlns:a16="http://schemas.microsoft.com/office/drawing/2014/main" id="{9798111A-9467-8A3F-B320-973F4160231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tr-T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e37c14d2f63144969e50389e13162992_StartDate" hidden="1">
            <a:extLst>
              <a:ext uri="{FF2B5EF4-FFF2-40B4-BE49-F238E27FC236}">
                <a16:creationId xmlns:a16="http://schemas.microsoft.com/office/drawing/2014/main" id="{48ADD514-6DC5-5206-00BA-233BEBF4BD1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e37c14d2f63144969e50389e13162992_EndDate" hidden="1">
            <a:extLst>
              <a:ext uri="{FF2B5EF4-FFF2-40B4-BE49-F238E27FC236}">
                <a16:creationId xmlns:a16="http://schemas.microsoft.com/office/drawing/2014/main" id="{9D575E1C-2F32-B443-97D4-44DC2F8C5AF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e37c14d2f63144969e50389e13162992_JoinedDate">
            <a:extLst>
              <a:ext uri="{FF2B5EF4-FFF2-40B4-BE49-F238E27FC236}">
                <a16:creationId xmlns:a16="http://schemas.microsoft.com/office/drawing/2014/main" id="{5479FE45-7109-E2BF-CD22-B40C95DB84D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61508" y="264054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tr-TR" sz="1000" spc="-2">
                <a:solidFill>
                  <a:schemeClr val="dk2"/>
                </a:solidFill>
                <a:latin typeface="Calibri" panose="020F0502020204030204" pitchFamily="34" charset="0"/>
              </a:rPr>
              <a:t>Mar 5 - Mar 8</a:t>
            </a:r>
          </a:p>
        </p:txBody>
      </p:sp>
      <p:sp>
        <p:nvSpPr>
          <p:cNvPr id="24" name="OTLSHAPE_T_e37c14d2f63144969e50389e13162992_Title">
            <a:extLst>
              <a:ext uri="{FF2B5EF4-FFF2-40B4-BE49-F238E27FC236}">
                <a16:creationId xmlns:a16="http://schemas.microsoft.com/office/drawing/2014/main" id="{0ED126E4-B6AD-E575-EF1E-531C4144A26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739360" y="263279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 Planı</a:t>
            </a:r>
          </a:p>
        </p:txBody>
      </p:sp>
      <p:sp>
        <p:nvSpPr>
          <p:cNvPr id="27" name="OTLSHAPE_T_3dbaab46b9b14124837790c24e697d87_Duration" hidden="1">
            <a:extLst>
              <a:ext uri="{FF2B5EF4-FFF2-40B4-BE49-F238E27FC236}">
                <a16:creationId xmlns:a16="http://schemas.microsoft.com/office/drawing/2014/main" id="{7340350D-CD08-FC9D-F7B1-93593D32BD4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28" name="OTLSHAPE_T_3dbaab46b9b14124837790c24e697d87_TextPercentage" hidden="1">
            <a:extLst>
              <a:ext uri="{FF2B5EF4-FFF2-40B4-BE49-F238E27FC236}">
                <a16:creationId xmlns:a16="http://schemas.microsoft.com/office/drawing/2014/main" id="{C5067AEB-C03B-C85D-90C8-53DDAB64B24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tr-T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3dbaab46b9b14124837790c24e697d87_StartDate" hidden="1">
            <a:extLst>
              <a:ext uri="{FF2B5EF4-FFF2-40B4-BE49-F238E27FC236}">
                <a16:creationId xmlns:a16="http://schemas.microsoft.com/office/drawing/2014/main" id="{A09A0E3E-DBA4-328B-52E8-B859E9E78C1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3dbaab46b9b14124837790c24e697d87_EndDate" hidden="1">
            <a:extLst>
              <a:ext uri="{FF2B5EF4-FFF2-40B4-BE49-F238E27FC236}">
                <a16:creationId xmlns:a16="http://schemas.microsoft.com/office/drawing/2014/main" id="{9B88F18C-ACD4-E10B-A91F-124F98F6824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3dbaab46b9b14124837790c24e697d87_JoinedDate">
            <a:extLst>
              <a:ext uri="{FF2B5EF4-FFF2-40B4-BE49-F238E27FC236}">
                <a16:creationId xmlns:a16="http://schemas.microsoft.com/office/drawing/2014/main" id="{BB462F73-21FE-6935-5296-D6AAA241022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97119" y="287456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tr-TR" sz="1000" spc="-2">
                <a:solidFill>
                  <a:schemeClr val="dk2"/>
                </a:solidFill>
                <a:latin typeface="Calibri" panose="020F0502020204030204" pitchFamily="34" charset="0"/>
              </a:rPr>
              <a:t>Mar 5 - Mar 10</a:t>
            </a:r>
          </a:p>
        </p:txBody>
      </p:sp>
      <p:sp>
        <p:nvSpPr>
          <p:cNvPr id="32" name="OTLSHAPE_T_3dbaab46b9b14124837790c24e697d87_Title">
            <a:extLst>
              <a:ext uri="{FF2B5EF4-FFF2-40B4-BE49-F238E27FC236}">
                <a16:creationId xmlns:a16="http://schemas.microsoft.com/office/drawing/2014/main" id="{236EC780-B5C5-11D3-8E12-4BAD70AFE54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872587" y="2866813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ereksinim  Analizi</a:t>
            </a:r>
          </a:p>
        </p:txBody>
      </p:sp>
      <p:sp>
        <p:nvSpPr>
          <p:cNvPr id="35" name="OTLSHAPE_T_e32b8c3cadf74eb0aa7e6dc705a8664f_Duration" hidden="1">
            <a:extLst>
              <a:ext uri="{FF2B5EF4-FFF2-40B4-BE49-F238E27FC236}">
                <a16:creationId xmlns:a16="http://schemas.microsoft.com/office/drawing/2014/main" id="{AA7DD26B-C415-F233-598D-9D23197C1D5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6" name="OTLSHAPE_T_e32b8c3cadf74eb0aa7e6dc705a8664f_TextPercentage" hidden="1">
            <a:extLst>
              <a:ext uri="{FF2B5EF4-FFF2-40B4-BE49-F238E27FC236}">
                <a16:creationId xmlns:a16="http://schemas.microsoft.com/office/drawing/2014/main" id="{EF017C7C-1B40-5487-B95B-29B7DBA626E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tr-T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e32b8c3cadf74eb0aa7e6dc705a8664f_StartDate" hidden="1">
            <a:extLst>
              <a:ext uri="{FF2B5EF4-FFF2-40B4-BE49-F238E27FC236}">
                <a16:creationId xmlns:a16="http://schemas.microsoft.com/office/drawing/2014/main" id="{42838931-8707-10C1-35BA-608E58BE1F4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e32b8c3cadf74eb0aa7e6dc705a8664f_EndDate" hidden="1">
            <a:extLst>
              <a:ext uri="{FF2B5EF4-FFF2-40B4-BE49-F238E27FC236}">
                <a16:creationId xmlns:a16="http://schemas.microsoft.com/office/drawing/2014/main" id="{E15E7942-115F-42DC-7A19-E448AC3A3D3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e32b8c3cadf74eb0aa7e6dc705a8664f_JoinedDate">
            <a:extLst>
              <a:ext uri="{FF2B5EF4-FFF2-40B4-BE49-F238E27FC236}">
                <a16:creationId xmlns:a16="http://schemas.microsoft.com/office/drawing/2014/main" id="{CAA56A30-4BC3-54C2-FFB1-A6C3FEF1C4D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65796" y="3108579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tr-TR" sz="1000" spc="-2">
                <a:solidFill>
                  <a:schemeClr val="dk2"/>
                </a:solidFill>
                <a:latin typeface="Calibri" panose="020F0502020204030204" pitchFamily="34" charset="0"/>
              </a:rPr>
              <a:t>Mar 10 - Mar 16</a:t>
            </a:r>
          </a:p>
        </p:txBody>
      </p:sp>
      <p:sp>
        <p:nvSpPr>
          <p:cNvPr id="40" name="OTLSHAPE_T_e32b8c3cadf74eb0aa7e6dc705a8664f_Title">
            <a:extLst>
              <a:ext uri="{FF2B5EF4-FFF2-40B4-BE49-F238E27FC236}">
                <a16:creationId xmlns:a16="http://schemas.microsoft.com/office/drawing/2014/main" id="{0BBDF518-8AB2-3AB0-4FB7-93BC940CFB5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272267" y="3100832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urum Diyagramı </a:t>
            </a:r>
          </a:p>
        </p:txBody>
      </p:sp>
      <p:sp>
        <p:nvSpPr>
          <p:cNvPr id="43" name="OTLSHAPE_T_fde9c53d99ea4a71b0087408f6306f2b_Duration" hidden="1">
            <a:extLst>
              <a:ext uri="{FF2B5EF4-FFF2-40B4-BE49-F238E27FC236}">
                <a16:creationId xmlns:a16="http://schemas.microsoft.com/office/drawing/2014/main" id="{A83C0D36-4F85-EAED-1A95-8B92301857F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4" name="OTLSHAPE_T_fde9c53d99ea4a71b0087408f6306f2b_TextPercentage" hidden="1">
            <a:extLst>
              <a:ext uri="{FF2B5EF4-FFF2-40B4-BE49-F238E27FC236}">
                <a16:creationId xmlns:a16="http://schemas.microsoft.com/office/drawing/2014/main" id="{061AB60D-D7DD-3D75-BE55-BEE582F8527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tr-T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fde9c53d99ea4a71b0087408f6306f2b_StartDate" hidden="1">
            <a:extLst>
              <a:ext uri="{FF2B5EF4-FFF2-40B4-BE49-F238E27FC236}">
                <a16:creationId xmlns:a16="http://schemas.microsoft.com/office/drawing/2014/main" id="{7AB3E087-F85D-F8B3-46AA-39577037858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fde9c53d99ea4a71b0087408f6306f2b_EndDate" hidden="1">
            <a:extLst>
              <a:ext uri="{FF2B5EF4-FFF2-40B4-BE49-F238E27FC236}">
                <a16:creationId xmlns:a16="http://schemas.microsoft.com/office/drawing/2014/main" id="{04F7A2CC-D880-3DFD-F49B-C7D75534948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fde9c53d99ea4a71b0087408f6306f2b_JoinedDate">
            <a:extLst>
              <a:ext uri="{FF2B5EF4-FFF2-40B4-BE49-F238E27FC236}">
                <a16:creationId xmlns:a16="http://schemas.microsoft.com/office/drawing/2014/main" id="{4736983B-92AA-9549-2FFA-04535F82846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65476" y="334259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tr-TR" sz="1000" spc="-2">
                <a:solidFill>
                  <a:schemeClr val="dk2"/>
                </a:solidFill>
                <a:latin typeface="Calibri" panose="020F0502020204030204" pitchFamily="34" charset="0"/>
              </a:rPr>
              <a:t>Mar 16 - Mar 23</a:t>
            </a:r>
          </a:p>
        </p:txBody>
      </p:sp>
      <p:sp>
        <p:nvSpPr>
          <p:cNvPr id="48" name="OTLSHAPE_T_fde9c53d99ea4a71b0087408f6306f2b_Title">
            <a:extLst>
              <a:ext uri="{FF2B5EF4-FFF2-40B4-BE49-F238E27FC236}">
                <a16:creationId xmlns:a16="http://schemas.microsoft.com/office/drawing/2014/main" id="{69887030-18A9-1C8D-829F-3B87127B8AC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738560" y="3334851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urum Senaryosu </a:t>
            </a:r>
          </a:p>
        </p:txBody>
      </p:sp>
      <p:sp>
        <p:nvSpPr>
          <p:cNvPr id="51" name="OTLSHAPE_T_12801ee76c014db18647bd6aafd33df7_Duration" hidden="1">
            <a:extLst>
              <a:ext uri="{FF2B5EF4-FFF2-40B4-BE49-F238E27FC236}">
                <a16:creationId xmlns:a16="http://schemas.microsoft.com/office/drawing/2014/main" id="{F958EC90-F278-11C8-0E7E-28087C20CD7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52" name="OTLSHAPE_T_12801ee76c014db18647bd6aafd33df7_TextPercentage" hidden="1">
            <a:extLst>
              <a:ext uri="{FF2B5EF4-FFF2-40B4-BE49-F238E27FC236}">
                <a16:creationId xmlns:a16="http://schemas.microsoft.com/office/drawing/2014/main" id="{A5FCEDEE-8703-15BE-BC3E-0E42A5A13DF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tr-T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12801ee76c014db18647bd6aafd33df7_StartDate" hidden="1">
            <a:extLst>
              <a:ext uri="{FF2B5EF4-FFF2-40B4-BE49-F238E27FC236}">
                <a16:creationId xmlns:a16="http://schemas.microsoft.com/office/drawing/2014/main" id="{DB520D01-056A-1669-F5E9-3BFE1146B24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12801ee76c014db18647bd6aafd33df7_EndDate" hidden="1">
            <a:extLst>
              <a:ext uri="{FF2B5EF4-FFF2-40B4-BE49-F238E27FC236}">
                <a16:creationId xmlns:a16="http://schemas.microsoft.com/office/drawing/2014/main" id="{61390D32-E988-A3D7-7BF2-BEA6F945610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12801ee76c014db18647bd6aafd33df7_JoinedDate">
            <a:extLst>
              <a:ext uri="{FF2B5EF4-FFF2-40B4-BE49-F238E27FC236}">
                <a16:creationId xmlns:a16="http://schemas.microsoft.com/office/drawing/2014/main" id="{ACB0DE55-117B-EEC5-EEA1-2286D49D521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25368" y="3576616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tr-TR" sz="1000" spc="-2">
                <a:solidFill>
                  <a:schemeClr val="dk2"/>
                </a:solidFill>
                <a:latin typeface="Calibri" panose="020F0502020204030204" pitchFamily="34" charset="0"/>
              </a:rPr>
              <a:t>Mar 23 - Apr 3</a:t>
            </a:r>
          </a:p>
        </p:txBody>
      </p:sp>
      <p:sp>
        <p:nvSpPr>
          <p:cNvPr id="56" name="OTLSHAPE_T_12801ee76c014db18647bd6aafd33df7_Title">
            <a:extLst>
              <a:ext uri="{FF2B5EF4-FFF2-40B4-BE49-F238E27FC236}">
                <a16:creationId xmlns:a16="http://schemas.microsoft.com/office/drawing/2014/main" id="{C49D49F7-E298-0D00-FA95-34F15170977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471306" y="3568869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Veri Tabanı Diyagramı</a:t>
            </a:r>
          </a:p>
        </p:txBody>
      </p:sp>
      <p:sp>
        <p:nvSpPr>
          <p:cNvPr id="59" name="OTLSHAPE_T_5480300a38ec48669ea21223975ca1d2_Duration" hidden="1">
            <a:extLst>
              <a:ext uri="{FF2B5EF4-FFF2-40B4-BE49-F238E27FC236}">
                <a16:creationId xmlns:a16="http://schemas.microsoft.com/office/drawing/2014/main" id="{E2142661-5778-A0E5-F58B-2F9CCC11A62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60" name="OTLSHAPE_T_5480300a38ec48669ea21223975ca1d2_TextPercentage" hidden="1">
            <a:extLst>
              <a:ext uri="{FF2B5EF4-FFF2-40B4-BE49-F238E27FC236}">
                <a16:creationId xmlns:a16="http://schemas.microsoft.com/office/drawing/2014/main" id="{5A4AEC48-5C94-E74C-20AB-91342C429B5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tr-T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5480300a38ec48669ea21223975ca1d2_StartDate" hidden="1">
            <a:extLst>
              <a:ext uri="{FF2B5EF4-FFF2-40B4-BE49-F238E27FC236}">
                <a16:creationId xmlns:a16="http://schemas.microsoft.com/office/drawing/2014/main" id="{3613701C-5874-6D1E-B6FA-E649617D4F2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5480300a38ec48669ea21223975ca1d2_EndDate" hidden="1">
            <a:extLst>
              <a:ext uri="{FF2B5EF4-FFF2-40B4-BE49-F238E27FC236}">
                <a16:creationId xmlns:a16="http://schemas.microsoft.com/office/drawing/2014/main" id="{8ECFB212-07F6-7239-352A-379BA4CED53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5480300a38ec48669ea21223975ca1d2_JoinedDate">
            <a:extLst>
              <a:ext uri="{FF2B5EF4-FFF2-40B4-BE49-F238E27FC236}">
                <a16:creationId xmlns:a16="http://schemas.microsoft.com/office/drawing/2014/main" id="{C5E5DD08-442F-9E7D-E431-933EA6F1EF2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547277" y="3810635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tr-TR" sz="1000" spc="-4">
                <a:solidFill>
                  <a:schemeClr val="dk2"/>
                </a:solidFill>
                <a:latin typeface="Calibri" panose="020F0502020204030204" pitchFamily="34" charset="0"/>
              </a:rPr>
              <a:t>Apr 3 - May 28</a:t>
            </a:r>
          </a:p>
        </p:txBody>
      </p:sp>
      <p:sp>
        <p:nvSpPr>
          <p:cNvPr id="64" name="OTLSHAPE_T_5480300a38ec48669ea21223975ca1d2_Title">
            <a:extLst>
              <a:ext uri="{FF2B5EF4-FFF2-40B4-BE49-F238E27FC236}">
                <a16:creationId xmlns:a16="http://schemas.microsoft.com/office/drawing/2014/main" id="{59B0408F-0B14-3898-C52B-67867E43575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135038" y="3802888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ront-end </a:t>
            </a:r>
          </a:p>
        </p:txBody>
      </p:sp>
      <p:sp>
        <p:nvSpPr>
          <p:cNvPr id="67" name="OTLSHAPE_T_672adead27a34cc2930594a4cea8da91_Duration" hidden="1">
            <a:extLst>
              <a:ext uri="{FF2B5EF4-FFF2-40B4-BE49-F238E27FC236}">
                <a16:creationId xmlns:a16="http://schemas.microsoft.com/office/drawing/2014/main" id="{45B26FC6-29A0-A3BD-A979-410A364DB6F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68" name="OTLSHAPE_T_672adead27a34cc2930594a4cea8da91_TextPercentage" hidden="1">
            <a:extLst>
              <a:ext uri="{FF2B5EF4-FFF2-40B4-BE49-F238E27FC236}">
                <a16:creationId xmlns:a16="http://schemas.microsoft.com/office/drawing/2014/main" id="{D2E82A81-3E85-9C41-4CC7-21925805611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tr-T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672adead27a34cc2930594a4cea8da91_StartDate" hidden="1">
            <a:extLst>
              <a:ext uri="{FF2B5EF4-FFF2-40B4-BE49-F238E27FC236}">
                <a16:creationId xmlns:a16="http://schemas.microsoft.com/office/drawing/2014/main" id="{B8910174-C7AE-843C-55CE-127A3113CE1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672adead27a34cc2930594a4cea8da91_EndDate" hidden="1">
            <a:extLst>
              <a:ext uri="{FF2B5EF4-FFF2-40B4-BE49-F238E27FC236}">
                <a16:creationId xmlns:a16="http://schemas.microsoft.com/office/drawing/2014/main" id="{58DBE49D-C9B6-4179-495B-37F4C1BC91E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672adead27a34cc2930594a4cea8da91_JoinedDate">
            <a:extLst>
              <a:ext uri="{FF2B5EF4-FFF2-40B4-BE49-F238E27FC236}">
                <a16:creationId xmlns:a16="http://schemas.microsoft.com/office/drawing/2014/main" id="{7BD64D70-49E6-FEB0-4385-62AA73B6691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547277" y="404465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tr-TR" sz="1000" spc="-4">
                <a:solidFill>
                  <a:schemeClr val="dk2"/>
                </a:solidFill>
                <a:latin typeface="Calibri" panose="020F0502020204030204" pitchFamily="34" charset="0"/>
              </a:rPr>
              <a:t>Apr 3 - May 28</a:t>
            </a:r>
          </a:p>
        </p:txBody>
      </p:sp>
      <p:sp>
        <p:nvSpPr>
          <p:cNvPr id="72" name="OTLSHAPE_T_672adead27a34cc2930594a4cea8da91_Title">
            <a:extLst>
              <a:ext uri="{FF2B5EF4-FFF2-40B4-BE49-F238E27FC236}">
                <a16:creationId xmlns:a16="http://schemas.microsoft.com/office/drawing/2014/main" id="{A596A43D-28E8-3EF4-8D51-CCBFF3DDE78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135038" y="4036907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ack-end</a:t>
            </a:r>
          </a:p>
        </p:txBody>
      </p:sp>
      <p:sp>
        <p:nvSpPr>
          <p:cNvPr id="75" name="OTLSHAPE_T_1e303480a7b54180b061054026b0026e_Duration" hidden="1">
            <a:extLst>
              <a:ext uri="{FF2B5EF4-FFF2-40B4-BE49-F238E27FC236}">
                <a16:creationId xmlns:a16="http://schemas.microsoft.com/office/drawing/2014/main" id="{42FB0BD4-1B55-0BB0-C9C1-92127FCFD3A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76" name="OTLSHAPE_T_1e303480a7b54180b061054026b0026e_TextPercentage" hidden="1">
            <a:extLst>
              <a:ext uri="{FF2B5EF4-FFF2-40B4-BE49-F238E27FC236}">
                <a16:creationId xmlns:a16="http://schemas.microsoft.com/office/drawing/2014/main" id="{CE6918B4-54D2-E510-0FC5-42B7E25FDFA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tr-T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1e303480a7b54180b061054026b0026e_StartDate" hidden="1">
            <a:extLst>
              <a:ext uri="{FF2B5EF4-FFF2-40B4-BE49-F238E27FC236}">
                <a16:creationId xmlns:a16="http://schemas.microsoft.com/office/drawing/2014/main" id="{CF47392E-21A9-39BE-1652-15E5EBD2487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1e303480a7b54180b061054026b0026e_EndDate" hidden="1">
            <a:extLst>
              <a:ext uri="{FF2B5EF4-FFF2-40B4-BE49-F238E27FC236}">
                <a16:creationId xmlns:a16="http://schemas.microsoft.com/office/drawing/2014/main" id="{B6EB7708-8DF7-2B4C-8085-5C40D1A5263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1e303480a7b54180b061054026b0026e_JoinedDate">
            <a:extLst>
              <a:ext uri="{FF2B5EF4-FFF2-40B4-BE49-F238E27FC236}">
                <a16:creationId xmlns:a16="http://schemas.microsoft.com/office/drawing/2014/main" id="{0DFD4EFF-713E-6420-B1D3-1B57AF82BB9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288163" y="427867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tr-TR" sz="1000" spc="-4">
                <a:solidFill>
                  <a:schemeClr val="dk2"/>
                </a:solidFill>
                <a:latin typeface="Calibri" panose="020F0502020204030204" pitchFamily="34" charset="0"/>
              </a:rPr>
              <a:t>May 29 - Jun 7</a:t>
            </a:r>
          </a:p>
        </p:txBody>
      </p:sp>
      <p:sp>
        <p:nvSpPr>
          <p:cNvPr id="80" name="OTLSHAPE_T_1e303480a7b54180b061054026b0026e_Title">
            <a:extLst>
              <a:ext uri="{FF2B5EF4-FFF2-40B4-BE49-F238E27FC236}">
                <a16:creationId xmlns:a16="http://schemas.microsoft.com/office/drawing/2014/main" id="{0FB65659-4309-3A10-6C70-9BA00B7237A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801171" y="4270925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100" b="1" spc="-38">
                <a:solidFill>
                  <a:schemeClr val="dk1"/>
                </a:solidFill>
                <a:latin typeface="Calibri" panose="020F0502020204030204" pitchFamily="34" charset="0"/>
              </a:rPr>
              <a:t>Test </a:t>
            </a:r>
          </a:p>
          <a:p>
            <a:endParaRPr lang="tr-TR" sz="1100" b="1" spc="-3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49a87ca346ba4c72974b17d3f2250508_Duration" hidden="1">
            <a:extLst>
              <a:ext uri="{FF2B5EF4-FFF2-40B4-BE49-F238E27FC236}">
                <a16:creationId xmlns:a16="http://schemas.microsoft.com/office/drawing/2014/main" id="{B39F30A9-3DE8-468B-74BB-619EA5FEB8D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84" name="OTLSHAPE_T_49a87ca346ba4c72974b17d3f2250508_TextPercentage" hidden="1">
            <a:extLst>
              <a:ext uri="{FF2B5EF4-FFF2-40B4-BE49-F238E27FC236}">
                <a16:creationId xmlns:a16="http://schemas.microsoft.com/office/drawing/2014/main" id="{FCB8CE57-7214-2ED5-69C6-7A387205A94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tr-T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49a87ca346ba4c72974b17d3f2250508_StartDate" hidden="1">
            <a:extLst>
              <a:ext uri="{FF2B5EF4-FFF2-40B4-BE49-F238E27FC236}">
                <a16:creationId xmlns:a16="http://schemas.microsoft.com/office/drawing/2014/main" id="{07A5515A-F9AD-1EF6-8A23-36A26224A0A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49a87ca346ba4c72974b17d3f2250508_EndDate" hidden="1">
            <a:extLst>
              <a:ext uri="{FF2B5EF4-FFF2-40B4-BE49-F238E27FC236}">
                <a16:creationId xmlns:a16="http://schemas.microsoft.com/office/drawing/2014/main" id="{D2A3673B-D250-3860-EF95-8055AB451F6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49a87ca346ba4c72974b17d3f2250508_JoinedDate">
            <a:extLst>
              <a:ext uri="{FF2B5EF4-FFF2-40B4-BE49-F238E27FC236}">
                <a16:creationId xmlns:a16="http://schemas.microsoft.com/office/drawing/2014/main" id="{733D5275-5864-FB13-B1C4-6AE3E1FC722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938271" y="4597950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tr-TR" sz="1000" spc="-4">
                <a:solidFill>
                  <a:schemeClr val="dk2"/>
                </a:solidFill>
                <a:latin typeface="Calibri" panose="020F0502020204030204" pitchFamily="34" charset="0"/>
              </a:rPr>
              <a:t>Jun 7 - Jun 24</a:t>
            </a:r>
          </a:p>
        </p:txBody>
      </p:sp>
      <p:sp>
        <p:nvSpPr>
          <p:cNvPr id="88" name="OTLSHAPE_T_49a87ca346ba4c72974b17d3f2250508_Title">
            <a:extLst>
              <a:ext uri="{FF2B5EF4-FFF2-40B4-BE49-F238E27FC236}">
                <a16:creationId xmlns:a16="http://schemas.microsoft.com/office/drawing/2014/main" id="{D480C7FC-E5B4-0AD7-1207-00489E9B45D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933597" y="4504944"/>
            <a:ext cx="3200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 Geliştirici Dokümantasyonu Kullanıcı Dokümantasyonu</a:t>
            </a:r>
          </a:p>
          <a:p>
            <a:r>
              <a:rPr lang="tr-T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91" name="OTLSHAPE_T_f48b49f4828e4febaeedd5d9bc4faa48_Duration" hidden="1">
            <a:extLst>
              <a:ext uri="{FF2B5EF4-FFF2-40B4-BE49-F238E27FC236}">
                <a16:creationId xmlns:a16="http://schemas.microsoft.com/office/drawing/2014/main" id="{D10D31A5-CBD4-AB9B-229C-319A871441A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2" name="OTLSHAPE_T_f48b49f4828e4febaeedd5d9bc4faa48_TextPercentage" hidden="1">
            <a:extLst>
              <a:ext uri="{FF2B5EF4-FFF2-40B4-BE49-F238E27FC236}">
                <a16:creationId xmlns:a16="http://schemas.microsoft.com/office/drawing/2014/main" id="{9D19C37A-D610-AB6D-BEEF-C14C002DCBA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tr-T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f48b49f4828e4febaeedd5d9bc4faa48_StartDate" hidden="1">
            <a:extLst>
              <a:ext uri="{FF2B5EF4-FFF2-40B4-BE49-F238E27FC236}">
                <a16:creationId xmlns:a16="http://schemas.microsoft.com/office/drawing/2014/main" id="{4685E96C-68EA-68B9-6C48-64470697C49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f48b49f4828e4febaeedd5d9bc4faa48_EndDate" hidden="1">
            <a:extLst>
              <a:ext uri="{FF2B5EF4-FFF2-40B4-BE49-F238E27FC236}">
                <a16:creationId xmlns:a16="http://schemas.microsoft.com/office/drawing/2014/main" id="{C4FDA9B4-ABEF-51DF-1C09-5626801A85E1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tr-T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f48b49f4828e4febaeedd5d9bc4faa48_JoinedDate">
            <a:extLst>
              <a:ext uri="{FF2B5EF4-FFF2-40B4-BE49-F238E27FC236}">
                <a16:creationId xmlns:a16="http://schemas.microsoft.com/office/drawing/2014/main" id="{DACACA5C-4BA7-71D1-5E8B-836530E4AA4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174903" y="491722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tr-TR" sz="1000" spc="-4">
                <a:solidFill>
                  <a:schemeClr val="dk2"/>
                </a:solidFill>
                <a:latin typeface="Calibri" panose="020F0502020204030204" pitchFamily="34" charset="0"/>
              </a:rPr>
              <a:t>Jun 25 - Jul 1</a:t>
            </a:r>
          </a:p>
        </p:txBody>
      </p:sp>
      <p:sp>
        <p:nvSpPr>
          <p:cNvPr id="96" name="OTLSHAPE_T_f48b49f4828e4febaeedd5d9bc4faa48_Title">
            <a:extLst>
              <a:ext uri="{FF2B5EF4-FFF2-40B4-BE49-F238E27FC236}">
                <a16:creationId xmlns:a16="http://schemas.microsoft.com/office/drawing/2014/main" id="{10815A2E-298D-E28F-EF55-F4F98A96188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399890" y="4909481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 Sunu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78104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IxYzJmNmFlLWRiYWEtNGYzOS1hMDRjLThhY2JhYjFmZGRiN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7IiRpZCI6IjEyIiwiQ29sb3IiOnsiJGlkIjoiMTMiLCJBIjowLCJSIjoyNTUsIkciOjI1NSwiQiI6MjU1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bnVsbH0sIlRpdGxlU3R5bGUiOnsiJGlkIjoiMzEzIiwiRm9udFNldHRpbmdzIjp7IiRpZCI6IjMxNCIsIkZvbnRTaXplIjoxMSwiRm9udE5hbWUiOiJDYWxpYnJpIiwiSXNCb2xkIjp0cnVlLCJJc0l0YWxpYyI6ZmFsc2UsIklzVW5kZXJsaW5lZCI6ZmFsc2UsIlBhcmVudFN0eWxlIjpudWxsfSwiQXV0b1NpemUiOjAsIkZvcmVncm91bmQiOnsiJGlkIjoiMzE1IiwiQ29sb3IiOnsiJGlkIjoiMzE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xNyIsIlRvcCI6MC4wLCJMZWZ0IjowLjAsIlJpZ2h0IjowLjAsIkJvdHRvbSI6MC4wfSwiUGFkZGluZyI6eyIkaWQiOiIzMTgiLCJUb3AiOjAuMCwiTGVmdCI6MC4wLCJSaWdodCI6MC4wLCJCb3R0b20iOjAuMH0sIkJhY2tncm91bmQiOnsiJGlkIjoiMzE5IiwiQ29sb3IiOnsiJGlkIjoiMzIwIiwiQSI6MCwiUiI6MCwiRyI6MCwiQiI6MH19LCJJc1Zpc2libGUiOnRydWUsIldpZHRoIjowLjAsIkhlaWdodCI6MC4wLCJCb3JkZXJTdHlsZSI6bnVsbCwiUGFyZW50U3R5bGUiOm51bGx9LCJEYXRlU3R5bGUiOnsiJGlkIjoiMzIxIiwiRm9udFNldHRpbmdzIjp7IiRpZCI6IjMyMiIsIkZvbnRTaXplIjoxM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wLCJHIjowLCJCIjow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EZWZhdWx0VGFza1N0eWxlIjp7IiRpZCI6IjMzMSIsIlNoYXBlIjoxLCJTaGFwZVRoaWNrbmVzcyI6MCwiRHVyYXRpb25Gb3JtYXQiOjAsIkluY2x1ZGVOb25Xb3JraW5nRGF5c0luRHVyYXRpb24iOmZhbHNlLCJQZXJjZW50YWdlQ29tcGxldGVTdHlsZSI6eyIkaWQiOiIzMzIiLCJGb250U2V0dGluZ3MiOnsiJGlkIjoiMzMzIiwiRm9udFNpemUiOjEwLCJGb250TmFtZSI6IkNhbGlicmkiLCJJc0JvbGQiOmZhbHNlLCJJc0l0YWxpYyI6ZmFsc2UsIklzVW5kZXJsaW5lZCI6ZmFsc2UsIlBhcmVudFN0eWxlIjpudWxsfSwiQXV0b1NpemUiOjAsIkZvcmVncm91bmQiOnsiJGlkIjoiMzM0IiwiQ29sb3IiOnsiJGlkIjoiMz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eyIkaWQiOiIzMzgiLCJDb2xvciI6eyIkaWQiOiIzMzkiLCJBIjo4OSwiUiI6MCwiRyI6MCwiQiI6MH19LCJJc1Zpc2libGUiOnRydWUsIldpZHRoIjowLjAsIkhlaWdodCI6MC4wLCJCb3JkZXJTdHlsZSI6bnVsbCwiUGFyZW50U3R5bGUiOm51bGx9LCJEdXJhdGlvblN0eWxlIjp7IiRpZCI6IjM0MCIsIkZvbnRTZXR0aW5ncyI6eyIkaWQiOiIzNDEiLCJGb250U2l6ZSI6MTAsIkZvbnROYW1lIjoiQ2FsaWJyaSIsIklzQm9sZCI6ZmFsc2UsIklzSXRhbGljIjpmYWxzZSwiSXNVbmRlcmxpbmVkIjpmYWxzZSwiUGFyZW50U3R5bGUiOm51bGx9LCJBdXRvU2l6ZSI6MCwiRm9yZWdyb3VuZCI6eyIkaWQiOiIzNDIiLCJDb2xvciI6eyIkaWQiOiIzN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c0IiwiVG9wIjowLjAsIkxlZnQiOjAuMCwiUmlnaHQiOjAuMCwiQm90dG9tIjowLjB9LCJQYWRkaW5nIjp7IiRpZCI6IjM3NSIsIlRvcCI6MC4wLCJMZWZ0IjowLjAsIlJpZ2h0IjowLjAsIkJvdHRvbSI6MC4wfSwiQmFja2dyb3VuZCI6eyIkaWQiOiIzNzYiLCJDb2xvciI6eyIkaWQiOiIzNzciLCJBIjowLCJSIjowLCJHIjowLCJCIjowfX0sIklzVmlzaWJsZSI6dHJ1ZSwiV2lkdGgiOjAuMCwiSGVpZ2h0IjowLjAsIkJvcmRlclN0eWxlIjpudWxsLCJQYXJlbnRTdHlsZSI6bnVsbH0sIkRhdGVGb3JtYXQiOnsiJGlkIjoiMz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SIsIkZvcm1hdCI6MCwiSXNWaXNpYmxlIjpmYWxzZSwiTGFzdEtub3duVmlzaWJpbGl0eVN0YXRlIjpmYWxzZX0sIklzVmlzaWJsZSI6dHJ1ZSwiUGFyZW50U3R5bGUiOm51bGwsIl9leHBsaWNpdGx5U2V0Ijp7IiRpZCI6IjM4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yIiwiVG9wIjowLjAsIkxlZnQiOjAuMCwiUmlnaHQiOjAuMCwiQm90dG9tIjowLjB9LCJQYWRkaW5nIjp7IiRpZCI6IjQwMyIsIlRvcCI6MC4wLCJMZWZ0IjowLjAsIlJpZ2h0IjowLjAsIkJvdHRvbSI6MC4wfSwiQmFja2dyb3VuZCI6eyIkaWQiOiI0MDQiLCJDb2xvciI6eyIkaWQiOiI0MDUiLCJBIjowLCJSIjowLCJHIjowLCJCIjowfX0sIklzVmlzaWJsZSI6dHJ1ZSwiV2lkdGgiOjAuMCwiSGVpZ2h0IjowLjAsIkJvcmRlclN0eWxlIjpudWxs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3NCJ9LCJQYWRkaW5nIjp7IiRyZWYiOiIzNzUifSwiQmFja2dyb3VuZCI6eyIkaWQiOiI0ODUiLCJDb2xvciI6eyIkaWQiOiI0ODYiLCJBIjowLCJSIjoyNTUsIkciOjI1NSwiQiI6MjU1fX0sIklzVmlzaWJsZSI6dHJ1ZSwiV2lkdGgiOjAuMCwiSGVpZ2h0IjowLjAsIkJvcmRlclN0eWxlIjp7IiRpZCI6IjQ4NyIsIkxpbmVDb2xvciI6bnVsbCwiTGluZVdlaWdodCI6MC4wLCJMaW5lVHlwZSI6MCwiUGFyZW50U3R5bGUiOm51bGx9LCJQYXJlbnRTdHlsZSI6bnVsbH0sIkRhdGVGb3JtYXQiOnsiJGlkIjoiND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3NCJ9LCJQYWRkaW5nIjp7IiRyZWYiOiIzNzUi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jcxIiwiTWFyZ2luIjp7IiRpZCI6IjY3MiIsIlRvcCI6MC4wLCJMZWZ0Ijo0LjAsIlJpZ2h0Ijo0LjAsIkJvdHRvbSI6MC4wfSwiUGFkZGluZyI6eyIkaWQiOiI2NzMiLCJUb3AiOjAuMCwiTGVmdCI6MC4wLCJSaWdodCI6MC4wLCJCb3R0b20iOjAuMH0sIkJhY2tncm91bmQiOnsiJGlkIjoiNjc0IiwiQ29sb3IiOnsiJGlkIjoiNjc1IiwiQSI6MjU1LCJSIjo5MSwiRyI6MTU1LCJCIjoyMTN9fSwiSXNWaXNpYmxlIjp0cnVlLCJXaWR0aCI6MC4wLCJIZWlnaHQiOjE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lRpdGxlU3R5bGUiOnsiJGlkIjoiNjc5IiwiRm9udFNldHRpbmdzIjp7IiRpZCI6IjY4MCIsIkZvbnRTaXplIjoxMSwiRm9udE5hbWUiOiJDYWxpYnJpIiwiSXNCb2xkIjp0cnVlLCJJc0l0YWxpYyI6ZmFsc2UsIklzVW5kZXJsaW5lZCI6ZmFsc2UsIlBhcmVudFN0eWxlIjpudWxsfSwiQXV0b1NpemUiOjAsIkZvcmVncm91bmQiOnsiJGlkIjoiNjgxIiwiQ29sb3IiOnsiJGlkIjoiNjg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eyIkaWQiOiI2OTQiLCJDb2xvciI6eyIkaWQiOiI2OTUiLCJBIjowLCJSIjoyNTUsIkciOjI1NSwiQiI6MjU1fX0sIklzVmlzaWJsZSI6dHJ1ZSwiV2lkdGgiOjAuMCwiSGVpZ2h0IjowLjAsIkJvcmRlclN0eWxlIjp7IiRpZCI6IjY5NiIsIkxpbmVDb2xvciI6bnVsbCwiTGluZVdlaWdodCI6MC4wLCJMaW5lVHlwZSI6MCwiUGFyZW50U3R5bGUiOm51bGx9LCJQYXJlbnRTdHlsZSI6bnVsbH0sIkRhdGVGb3JtYXQiOnsiJGlkIjoiNj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ExLFwiRm9udE5hbWVcIjpcIkNhbGlicmlcIixcIklzQm9sZFwiOnRydWUsXCJJc0l0YWxpY1wiOmZhbHNlLFwiSXNVbmRlcmxpbmVkXCI6ZmFsc2V9LFwiQXV0b1NpemVcIjowLFwiRm9yZWdyb3VuZFwiOntcIiRpZFwiOlwiMTE3XCIsXCJDb2xvclwiOntcIiRpZFwiOlwiMTE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aWRcIjpcIjEyMlwiLFwiQVwiOjA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wLFwiUlwiOjAsXCJHXCI6MCxcIkJcIjowfX0sXCJJc1Zpc2libGVcIjp0cnVlLFwiV2lkdGhcIjowLjAsXCJIZWlnaHRcIjowLjAsXCJCb3JkZXJTdHlsZVwiOm51bGx9LFwiVGl0bGVQb3NpdGlvblwiOjIsXCJEYXRlUG9zaXRpb25cIjpcIkxlZnRcIixcIlNoYXBlVHlwZVwiOjI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zLjAsXCJIZWlnaHRcIjoxMy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EsXCJTaGFwZVRoaWNrbmVzc1wiOjAsXCJEdXJhdGlvbkZvcm1hdFwiOjA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E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yZWZcIjpcIjM2XCJ9fSxcIklzVmlzaWJsZVwiOnRydWUsXCJXaWR0aFwiOjAuMCxcIkhlaWdodFwiOjAuMCxcIkJvcmRlclN0eWxlXCI6bnVsbH0sXCJEYXRlU3R5bGVcIjp7XCIkaWRcIjpcIjE3NVwiLFwiRm9udFNldHRpbmdzXCI6e1wiJGlkXCI6XCIxNzZcIixcIkZvbnRTaXplXCI6MTAsXCJGb250TmFtZVwiOlwiQ2FsaWJyaVwiLFwiSXNCb2xkXCI6ZmFsc2UsXCJJc0l0YWxpY1wiOmZhbHNlLFwiSXNVbmRlcmxpbmVkXCI6ZmFsc2V9LFwiQXV0b1NpemVcIjowLFwiRm9yZWdyb3VuZFwiOntcIiRpZFwiOlwiMTc3XCIsXCJDb2xvclwiOntcIiRpZFwiOlwiMTc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zlcIixcIlRvcFwiOjAuMCxcIkxlZnRcIjowLjAsXCJSaWdodFwiOjAuMCxcIkJvdHRvbVwiOjAuMH0sXCJQYWRkaW5nXCI6e1wiJGlkXCI6XCIxODBcIixcIlRvcFwiOjAuMCxcIkxlZnRcIjowLjAsXCJSaWdodFwiOjAuMCxcIkJvdHRvbVwiOjAuMH0sXCJCYWNrZ3JvdW5kXCI6e1wiJGlkXCI6XCIxODFcIixcIkNvbG9yXCI6e1wiJHJlZlwiOlwiMzZcIn19LFwiSXNWaXNpYmxlXCI6dHJ1ZSxcIldpZHRoXCI6MC4wLFwiSGVpZ2h0XCI6MC4wLFwiQm9yZGVyU3R5bGVcIjpudWxsfSxcIkRhdGVGb3JtYXRcIjp7XCIkaWRcIjpcIjE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gzXCIsXCJIZWFkZXJTdHlsZVwiOntcIiRpZFwiOlwiMTg0XCIsXCJUZXh0U3R5bGVcIjp7XCIkaWRcIjpcIjE4NVwiLFwiRm9udFNldHRpbmdzXCI6e1wiJGlkXCI6XCIxODZcIixcIkZvbnRTaXplXCI6MTIsXCJGb250TmFtZVwiOlwiQ2FsaWJyaVwiLFwiSXNCb2xkXCI6ZmFsc2UsXCJJc0l0YWxpY1wiOmZhbHNlLFwiSXNVbmRlcmxpbmVkXCI6ZmFsc2V9LFwiQXV0b1NpemVcIjowLFwiRm9yZWdyb3VuZFwiOntcIiRpZFwiOlwiMTg3XCIsXCJDb2xvclwiOntcIiRpZFwiOlwiMTg4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xM1wiLFwiVG9wXCI6MC4wLFwiTGVmdFwiOjAuMCxcIlJpZ2h0XCI6MC4wLFwiQm90dG9tXCI6MC4wfSxcIlBhZGRpbmdcIjp7XCIkaWRcIjpcIjIxNFwiLFwiVG9wXCI6MC4wLFwiTGVmdFwiOjAuMCxcIlJpZ2h0XCI6MC4wLFwiQm90dG9tXCI6MC4wfSxcIkJhY2tncm91bmRcIjpudWxsLFwiSXNWaXNpYmxlXCI6dHJ1ZSxcIldpZHRoXCI6MC4wLFwiSGVpZ2h0XCI6MC4wLFwiQm9yZGVyU3R5bGVcIjpudWxsfSxcIlJlY3RhbmdsZVN0eWxlXCI6e1wiJGlkXCI6XCIyMTVcIi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k4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3OTk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İTİON" val="Auto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İNG" val="MMM d"/>
  <p:tag name="OTLDATEFORMATSEPARATOR" val="/"/>
  <p:tag name="OTLDATEFORMATUSEUS" val="True"/>
  <p:tag name="OTLDATEFORMATDATEISVİSİBLE" val="True"/>
  <p:tag name="OTLDATEFORMATTİMEISVİSİBLE" val="False"/>
  <p:tag name="OTLDATEFORMATAMPMDESİGNATOR" val="AmPmLowerCase"/>
  <p:tag name="OTLDATEFORMATHOURDİGİTS" val="H"/>
  <p:tag name="OTLDATEFORMATTRİM00MİNUTES" val="False"/>
  <p:tag name="OTLWEEKNUMBERİNGFORMAT" val="WNFormat1"/>
  <p:tag name="OTLWEEKNUMBERİNGISVİSİBLE" val="False"/>
  <p:tag name="OTLSTARTDATE" val="2024-03-05T00:00:00.0000000Z"/>
  <p:tag name="OTLENDDATE" val="2024-03-08T23:59:00.0000000Z"/>
  <p:tag name="OTLDURATİONFORMAT" val="day"/>
  <p:tag name="OTLSPACİNG" val="5"/>
  <p:tag name="OTLSHAPETHİCKNESSTYPE" val="Thi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İNG" val="MMM d"/>
  <p:tag name="OTLDATEFORMATSEPARATOR" val="/"/>
  <p:tag name="OTLDATEFORMATUSEUS" val="True"/>
  <p:tag name="OTLDATEFORMATDATEISVİSİBLE" val="True"/>
  <p:tag name="OTLDATEFORMATTİMEISVİSİBLE" val="False"/>
  <p:tag name="OTLDATEFORMATAMPMDESİGNATOR" val="AmPmLowerCase"/>
  <p:tag name="OTLDATEFORMATHOURDİGİTS" val="H"/>
  <p:tag name="OTLDATEFORMATTRİM00MİNUTES" val="False"/>
  <p:tag name="OTLWEEKNUMBERİNGFORMAT" val="WNFormat1"/>
  <p:tag name="OTLWEEKNUMBERİNGISVİSİBLE" val="False"/>
  <p:tag name="OTLSTARTDATE" val="2024-03-05T00:00:00.0000000"/>
  <p:tag name="OTLENDDATE" val="2024-03-10T23:59:00.0000000"/>
  <p:tag name="OTLDURATİONFORMAT" val="day"/>
  <p:tag name="OTLSPACİNG" val="5"/>
  <p:tag name="OTLSHAPETHİCKNESSTYPE" val="Thi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İNG" val="MMM d"/>
  <p:tag name="OTLDATEFORMATSEPARATOR" val="/"/>
  <p:tag name="OTLDATEFORMATUSEUS" val="True"/>
  <p:tag name="OTLDATEFORMATDATEISVİSİBLE" val="True"/>
  <p:tag name="OTLDATEFORMATTİMEISVİSİBLE" val="False"/>
  <p:tag name="OTLDATEFORMATAMPMDESİGNATOR" val="AmPmLowerCase"/>
  <p:tag name="OTLDATEFORMATHOURDİGİTS" val="H"/>
  <p:tag name="OTLDATEFORMATTRİM00MİNUTES" val="False"/>
  <p:tag name="OTLWEEKNUMBERİNGFORMAT" val="WNFormat1"/>
  <p:tag name="OTLWEEKNUMBERİNGISVİSİBLE" val="False"/>
  <p:tag name="OTLSTARTDATE" val="2024-03-10T00:00:00.0000000"/>
  <p:tag name="OTLENDDATE" val="2024-03-16T23:59:00.0000000"/>
  <p:tag name="OTLDURATİONFORMAT" val="day"/>
  <p:tag name="OTLSPACİNG" val="5"/>
  <p:tag name="OTLSHAPETHİCKNESSTYPE" val="Thi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İNG" val="MMM d"/>
  <p:tag name="OTLDATEFORMATSEPARATOR" val="/"/>
  <p:tag name="OTLDATEFORMATUSEUS" val="True"/>
  <p:tag name="OTLDATEFORMATDATEISVİSİBLE" val="True"/>
  <p:tag name="OTLDATEFORMATTİMEISVİSİBLE" val="False"/>
  <p:tag name="OTLDATEFORMATAMPMDESİGNATOR" val="AmPmLowerCase"/>
  <p:tag name="OTLDATEFORMATHOURDİGİTS" val="H"/>
  <p:tag name="OTLDATEFORMATTRİM00MİNUTES" val="False"/>
  <p:tag name="OTLWEEKNUMBERİNGFORMAT" val="WNFormat1"/>
  <p:tag name="OTLWEEKNUMBERİNGISVİSİBLE" val="False"/>
  <p:tag name="OTLSTARTDATE" val="2024-03-16T00:00:00.0000000"/>
  <p:tag name="OTLENDDATE" val="2024-03-23T23:59:00.0000000"/>
  <p:tag name="OTLDURATİONFORMAT" val="day"/>
  <p:tag name="OTLSPACİNG" val="5"/>
  <p:tag name="OTLSHAPETHİCKNESSTYPE" val="Thi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İNG" val="MMM d"/>
  <p:tag name="OTLDATEFORMATSEPARATOR" val="/"/>
  <p:tag name="OTLDATEFORMATUSEUS" val="True"/>
  <p:tag name="OTLDATEFORMATDATEISVİSİBLE" val="True"/>
  <p:tag name="OTLDATEFORMATTİMEISVİSİBLE" val="False"/>
  <p:tag name="OTLDATEFORMATAMPMDESİGNATOR" val="AmPmLowerCase"/>
  <p:tag name="OTLDATEFORMATHOURDİGİTS" val="H"/>
  <p:tag name="OTLDATEFORMATTRİM00MİNUTES" val="False"/>
  <p:tag name="OTLWEEKNUMBERİNGFORMAT" val="WNFormat1"/>
  <p:tag name="OTLWEEKNUMBERİNGISVİSİBLE" val="False"/>
  <p:tag name="OTLSTARTDATE" val="2024-03-23T00:00:00.0000000"/>
  <p:tag name="OTLENDDATE" val="2024-04-03T23:59:00.0000000"/>
  <p:tag name="OTLDURATİONFORMAT" val="day"/>
  <p:tag name="OTLSPACİNG" val="5"/>
  <p:tag name="OTLSHAPETHİCKNESSTYPE" val="Thin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İNG" val="MMM d"/>
  <p:tag name="OTLDATEFORMATSEPARATOR" val="/"/>
  <p:tag name="OTLDATEFORMATUSEUS" val="True"/>
  <p:tag name="OTLDATEFORMATDATEISVİSİBLE" val="True"/>
  <p:tag name="OTLDATEFORMATTİMEISVİSİBLE" val="False"/>
  <p:tag name="OTLDATEFORMATAMPMDESİGNATOR" val="AmPmLowerCase"/>
  <p:tag name="OTLDATEFORMATHOURDİGİTS" val="H"/>
  <p:tag name="OTLDATEFORMATTRİM00MİNUTES" val="False"/>
  <p:tag name="OTLWEEKNUMBERİNGFORMAT" val="WNFormat1"/>
  <p:tag name="OTLWEEKNUMBERİNGISVİSİBLE" val="False"/>
  <p:tag name="OTLSTARTDATE" val="2024-04-03T00:00:00.0000000"/>
  <p:tag name="OTLENDDATE" val="2024-05-28T23:59:00.0000000"/>
  <p:tag name="OTLDURATİONFORMAT" val="day"/>
  <p:tag name="OTLSPACİNG" val="5"/>
  <p:tag name="OTLSHAPETHİCKNESSTYPE" val="Thi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İNG" val="MMM d"/>
  <p:tag name="OTLDATEFORMATSEPARATOR" val="/"/>
  <p:tag name="OTLDATEFORMATUSEUS" val="True"/>
  <p:tag name="OTLDATEFORMATDATEISVİSİBLE" val="True"/>
  <p:tag name="OTLDATEFORMATTİMEISVİSİBLE" val="False"/>
  <p:tag name="OTLDATEFORMATAMPMDESİGNATOR" val="AmPmLowerCase"/>
  <p:tag name="OTLDATEFORMATHOURDİGİTS" val="H"/>
  <p:tag name="OTLDATEFORMATTRİM00MİNUTES" val="False"/>
  <p:tag name="OTLWEEKNUMBERİNGFORMAT" val="WNFormat1"/>
  <p:tag name="OTLWEEKNUMBERİNGISVİSİBLE" val="False"/>
  <p:tag name="OTLSTARTDATE" val="2024-04-03T00:00:00.0000000"/>
  <p:tag name="OTLENDDATE" val="2024-05-28T23:59:00.0000000Z"/>
  <p:tag name="OTLDURATİONFORMAT" val="day"/>
  <p:tag name="OTLSPACİNG" val="5"/>
  <p:tag name="OTLSHAPETHİCKNESSTYPE" val="Thi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İNG" val="MMM d"/>
  <p:tag name="OTLDATEFORMATSEPARATOR" val="/"/>
  <p:tag name="OTLDATEFORMATUSEUS" val="True"/>
  <p:tag name="OTLDATEFORMATDATEISVİSİBLE" val="True"/>
  <p:tag name="OTLDATEFORMATTİMEISVİSİBLE" val="False"/>
  <p:tag name="OTLDATEFORMATAMPMDESİGNATOR" val="AmPmLowerCase"/>
  <p:tag name="OTLDATEFORMATHOURDİGİTS" val="H"/>
  <p:tag name="OTLDATEFORMATTRİM00MİNUTES" val="False"/>
  <p:tag name="OTLWEEKNUMBERİNGFORMAT" val="WNFormat1"/>
  <p:tag name="OTLWEEKNUMBERİNGISVİSİBLE" val="False"/>
  <p:tag name="OTLSTARTDATE" val="2024-05-29T00:00:00.0000000"/>
  <p:tag name="OTLENDDATE" val="2024-06-07T23:59:00.0000000"/>
  <p:tag name="OTLDURATİONFORMAT" val="day"/>
  <p:tag name="OTLSPACİNG" val="5"/>
  <p:tag name="OTLSHAPETHİCKNESSTYPE" val="Thi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İNG" val="MMM d"/>
  <p:tag name="OTLDATEFORMATSEPARATOR" val="/"/>
  <p:tag name="OTLDATEFORMATUSEUS" val="True"/>
  <p:tag name="OTLDATEFORMATDATEISVİSİBLE" val="True"/>
  <p:tag name="OTLDATEFORMATTİMEISVİSİBLE" val="False"/>
  <p:tag name="OTLDATEFORMATAMPMDESİGNATOR" val="AmPmLowerCase"/>
  <p:tag name="OTLDATEFORMATHOURDİGİTS" val="H"/>
  <p:tag name="OTLDATEFORMATTRİM00MİNUTES" val="False"/>
  <p:tag name="OTLWEEKNUMBERİNGFORMAT" val="WNFormat1"/>
  <p:tag name="OTLWEEKNUMBERİNGISVİSİBLE" val="False"/>
  <p:tag name="OTLSTARTDATE" val="2024-06-07T00:00:00.0000000"/>
  <p:tag name="OTLENDDATE" val="2024-06-24T23:59:00.0000000"/>
  <p:tag name="OTLDURATİONFORMAT" val="day"/>
  <p:tag name="OTLSPACİNG" val="5"/>
  <p:tag name="OTLSHAPETHİ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İNG" val="MMM d"/>
  <p:tag name="OTLDATEFORMATSEPARATOR" val="/"/>
  <p:tag name="OTLDATEFORMATUSEUS" val="True"/>
  <p:tag name="OTLDATEFORMATDATEISVİSİBLE" val="True"/>
  <p:tag name="OTLDATEFORMATTİMEISVİSİBLE" val="False"/>
  <p:tag name="OTLDATEFORMATAMPMDESİGNATOR" val="AmPmLowerCase"/>
  <p:tag name="OTLDATEFORMATHOURDİGİTS" val="H"/>
  <p:tag name="OTLDATEFORMATTRİM00MİNUTES" val="False"/>
  <p:tag name="OTLWEEKNUMBERİNGFORMAT" val="WNFormat1"/>
  <p:tag name="OTLWEEKNUMBERİNGISVİSİBLE" val="False"/>
  <p:tag name="OTLSTARTDATE" val="2024-06-25T00:00:00.0000000"/>
  <p:tag name="OTLENDDATE" val="2024-07-01T23:59:00.0000000"/>
  <p:tag name="OTLDURATİONFORMAT" val="day"/>
  <p:tag name="OTLSPACİNG" val="5"/>
  <p:tag name="OTLSHAPETHİCKNESSTYPE" val="Thi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İMEBANDSHAPETYPE" val="RoundedCornerRectangleTimeband"/>
  <p:tag name="OTLTİMEBANDSHAPEHEİGHT" val="20"/>
  <p:tag name="OTLTİMEBANDSHAPEPADDİNGLEFT" val="0"/>
  <p:tag name="OTLTİMEBANDCULTUREINFO" val="en-US"/>
  <p:tag name="OTLTİMEBANDQUİCKPOSİTİON" val="Bottom"/>
  <p:tag name="OTLTİMEBANDTHREEDEFFECTS" val="None"/>
  <p:tag name="OTLTİMEBANDAUTODATERANGE" val="True"/>
  <p:tag name="OTLTİMEBANDSTARTDATE" val="0001-01-01T00:00:00.0000000"/>
  <p:tag name="OTLTİMEBANDWORKİNGDAYS" val="Standard"/>
  <p:tag name="OTLTİMEBANDELAPSEDTİMEEXTENSİON" val="False"/>
  <p:tag name="OTLTİMEBANDUSETİME" val="False"/>
  <p:tag name="OTLTİMEBANDTİMECONFİGWORKDAYSTART" val="00:00:00"/>
  <p:tag name="OTLTİMEBANDTİMECONFİGWORKDAYEND" val="23:59:00"/>
  <p:tag name="OTLTİMEBANDAPPENDYEARONYEARCHANGE" val="False"/>
  <p:tag name="OTLTİMEBANDSCALEMARKİNG" val="None"/>
  <p:tag name="OTLRİGHTENDCAPSMARGİNRİGHT" val="20"/>
  <p:tag name="OTLTİMEBANDFYSTARTMONTH" val="January"/>
  <p:tag name="OTLTİMEBANDSHOWFYLABEL" val="True"/>
  <p:tag name="OTLTİMEBANDUSESTARTİNGOFTHEYEARFORFYNUMBERİNG" val="True"/>
  <p:tag name="OTLTİMEBANDRESERVEDLEFTAREAWİDTH" val="0"/>
  <p:tag name="OTLTİMEBANDRESERVEDLEFTAREAISSET" val="False"/>
  <p:tag name="OTLTİMEBANDDEPENABLED" val="False"/>
  <p:tag name="OTLTİMEBANDDEPSCHEDULİNGMODE" val="Flexible"/>
  <p:tag name="OTLTİMEBANDDEPPREVİOUSSCHEDULİNGMODE" val="Flexible"/>
  <p:tag name="OTLTİMEBANDDEPONBREAKİNGSTRİCTSCHEDULİNGMODE" val="AskEverytime"/>
  <p:tag name="OTLTİMEBANDDEPONBREAKİNGFLEXİBLESCHEDULİNGMODE" val="AskEverytime"/>
  <p:tag name="OTLTİMEBANDSPACİNGABOVE" val="5"/>
  <p:tag name="OTLTİMEBANDSPACİNGBELOW" val="5"/>
  <p:tag name="OTLTİMEBANDSPACİNGABOVEFORSWLANDTASKS" val="5"/>
  <p:tag name="OTLTİMEBANDSPACİNGBELOWFORSWLANDTASKS" val="5"/>
  <p:tag name="OTLTİMEBANDSCALETYPE" val="Months"/>
  <p:tag name="OTLTİMEBANDSCALEFORMAT" val="MMM"/>
  <p:tag name="OTLTİMEBANDENDDATE" val="2024-06-07T23:59:00.0000000"/>
  <p:tag name="OTLLEFTENDCAPSMARGİNLEFT" val="44.5066666666667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İMLANESPACİNG" val="2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1</Words>
  <Application>Microsoft Office PowerPoint</Application>
  <PresentationFormat>Geniş ekran</PresentationFormat>
  <Paragraphs>40</Paragraphs>
  <Slides>1</Slides>
  <Notes>0</Notes>
  <HiddenSlides>0</HiddenSlides>
  <MMClips>0</MMClips>
  <ScaleCrop>false</ScaleCrop>
  <HeadingPairs>
    <vt:vector size="6" baseType="variant">
      <vt:variant>
        <vt:lpstr>Kullanılan Yazı Tipleri</vt:lpstr>
      </vt:variant>
      <vt:variant>
        <vt:i4>5</vt:i4>
      </vt:variant>
      <vt:variant>
        <vt:lpstr>Tema</vt:lpstr>
      </vt:variant>
      <vt:variant>
        <vt:i4>1</vt:i4>
      </vt:variant>
      <vt:variant>
        <vt:lpstr>Slayt Başlıkları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Segoe UI</vt:lpstr>
      <vt:lpstr>Segoe UI Semilight</vt:lpstr>
      <vt:lpstr>Office Theme</vt:lpstr>
      <vt:lpstr>PowerPoint Sunusu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03-10T15:42:54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